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692A7C"/>
    <a:srgbClr val="F3951F"/>
    <a:srgbClr val="682A7C"/>
    <a:srgbClr val="CED1D3"/>
    <a:srgbClr val="A6A6A6"/>
    <a:srgbClr val="F19C62"/>
    <a:srgbClr val="FFCF3D"/>
    <a:srgbClr val="82B3DF"/>
    <a:srgbClr val="92C470"/>
    <a:srgbClr val="843C0C"/>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alfs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3" name="Afbeelding 2" descr="Afbeelding met tekst, Lettertype, schermopname, logo&#10;&#10;Automatisch gegenereerde beschrijving">
            <a:extLst>
              <a:ext uri="{FF2B5EF4-FFF2-40B4-BE49-F238E27FC236}">
                <a16:creationId xmlns:a16="http://schemas.microsoft.com/office/drawing/2014/main" id="{FABD3050-A5B5-9EBE-CD91-3FACA909915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0606" y="5062843"/>
            <a:ext cx="2557716" cy="160624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sp>
        <p:nvSpPr>
          <p:cNvPr id="8" name="Pijl: rechts 7">
            <a:hlinkClick r:id="rId5"/>
            <a:extLst>
              <a:ext uri="{FF2B5EF4-FFF2-40B4-BE49-F238E27FC236}">
                <a16:creationId xmlns:a16="http://schemas.microsoft.com/office/drawing/2014/main" id="{8093BE45-3AD1-DDCD-0A16-BADFBFAB59F5}"/>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hlinkClick r:id="rId5"/>
            <a:extLst>
              <a:ext uri="{FF2B5EF4-FFF2-40B4-BE49-F238E27FC236}">
                <a16:creationId xmlns:a16="http://schemas.microsoft.com/office/drawing/2014/main" id="{9B8C3FDE-9FB6-99F3-A37D-4895F6FA5B91}"/>
              </a:ext>
            </a:extLst>
          </p:cNvPr>
          <p:cNvPicPr>
            <a:picLocks noChangeAspect="1"/>
          </p:cNvPicPr>
          <p:nvPr/>
        </p:nvPicPr>
        <p:blipFill>
          <a:blip r:embed="rId6"/>
          <a:stretch>
            <a:fillRect/>
          </a:stretch>
        </p:blipFill>
        <p:spPr>
          <a:xfrm>
            <a:off x="2055594" y="511174"/>
            <a:ext cx="8164571" cy="5382837"/>
          </a:xfrm>
          <a:prstGeom prst="rect">
            <a:avLst/>
          </a:prstGeom>
        </p:spPr>
      </p:pic>
      <p:pic>
        <p:nvPicPr>
          <p:cNvPr id="4" name="Afbeelding 3" descr="Afbeelding met tekst, Lettertype, schermopname, logo&#10;&#10;Automatisch gegenereerde beschrijving">
            <a:extLst>
              <a:ext uri="{FF2B5EF4-FFF2-40B4-BE49-F238E27FC236}">
                <a16:creationId xmlns:a16="http://schemas.microsoft.com/office/drawing/2014/main" id="{77B286B9-51A7-8D5B-08BC-446BCB72102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63999" y="4204138"/>
            <a:ext cx="1665690" cy="104605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1</cp:revision>
  <dcterms:created xsi:type="dcterms:W3CDTF">2019-07-30T10:24:44Z</dcterms:created>
  <dcterms:modified xsi:type="dcterms:W3CDTF">2024-01-18T12:05:40Z</dcterms:modified>
</cp:coreProperties>
</file>